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5-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5-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verbetuw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C457297C-2FE9-5C39-F3D5-0D6B4D555CC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1425" y="4696945"/>
            <a:ext cx="2232749" cy="18978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chermopname&#10;&#10;Automatisch gegenereerde beschrijving">
            <a:extLst>
              <a:ext uri="{FF2B5EF4-FFF2-40B4-BE49-F238E27FC236}">
                <a16:creationId xmlns:a16="http://schemas.microsoft.com/office/drawing/2014/main" id="{5A3DC688-D089-62EF-138A-C0AE37B4903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6210" y="3897284"/>
            <a:ext cx="1667842" cy="141766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3-05T12:09:51Z</dcterms:modified>
</cp:coreProperties>
</file>